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lad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fruit, logo, voedsel&#10;&#10;Automatisch gegenereerde beschrijving">
            <a:extLst>
              <a:ext uri="{FF2B5EF4-FFF2-40B4-BE49-F238E27FC236}">
                <a16:creationId xmlns:a16="http://schemas.microsoft.com/office/drawing/2014/main" id="{B674C9B7-0F41-3FF8-EE44-05868F1283C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7136" y="4553629"/>
            <a:ext cx="2253727" cy="205089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fruit, logo, voedsel&#10;&#10;Automatisch gegenereerde beschrijving">
            <a:extLst>
              <a:ext uri="{FF2B5EF4-FFF2-40B4-BE49-F238E27FC236}">
                <a16:creationId xmlns:a16="http://schemas.microsoft.com/office/drawing/2014/main" id="{D50D833A-35FA-99FA-0064-C5FC831F72C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5369" y="3838181"/>
            <a:ext cx="1617376" cy="147181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3-26T08:29:35Z</dcterms:modified>
</cp:coreProperties>
</file>